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B5BE6C05-2359-41D9-B5D6-4944BEB21ACD}" xr6:coauthVersionLast="47" xr6:coauthVersionMax="47" xr10:uidLastSave="{00000000-0000-0000-0000-000000000000}"/>
  <bookViews>
    <workbookView xWindow="-98" yWindow="-98" windowWidth="20715" windowHeight="13155" xr2:uid="{0B37C8A9-92A2-407A-B666-8F37D9D343DF}"/>
  </bookViews>
  <sheets>
    <sheet name="8" sheetId="1" r:id="rId1"/>
  </sheets>
  <definedNames>
    <definedName name="_xlnm._FilterDatabase" localSheetId="0" hidden="1">'8'!$I$8:$O$19</definedName>
    <definedName name="_xlnm.Print_Area" localSheetId="0">'8'!$A$1:$X$66</definedName>
    <definedName name="_xlnm.Print_Titles" localSheetId="0">'8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4" uniqueCount="60">
  <si>
    <t>岩瀬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不燃
缶</t>
  </si>
  <si>
    <t>プラ</t>
  </si>
  <si>
    <t>可燃</t>
    <phoneticPr fontId="2"/>
  </si>
  <si>
    <t>プラ</t>
    <phoneticPr fontId="2"/>
  </si>
  <si>
    <t>プラ
びん</t>
    <phoneticPr fontId="2"/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不燃
缶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r>
      <t xml:space="preserve">プラ
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>曜日</t>
    <rPh sb="0" eb="2">
      <t>ヨウビ</t>
    </rPh>
    <phoneticPr fontId="2"/>
  </si>
  <si>
    <t>火</t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>第２・４</t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 xml:space="preserve">空き缶※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3" eb="14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２・４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t>※ 空き缶の回収については、地区センターにお問い合わせください。 
※ 「紙」の回収は、地区が主体となって行っています。</t>
    <rPh sb="2" eb="3">
      <t>ア</t>
    </rPh>
    <rPh sb="4" eb="5">
      <t>カン</t>
    </rPh>
    <rPh sb="6" eb="8">
      <t>カイシュウ</t>
    </rPh>
    <rPh sb="14" eb="16">
      <t>チク</t>
    </rPh>
    <rPh sb="22" eb="23">
      <t>ト</t>
    </rPh>
    <rPh sb="24" eb="25">
      <t>ア</t>
    </rPh>
    <rPh sb="37" eb="38">
      <t>カミ</t>
    </rPh>
    <rPh sb="40" eb="42">
      <t>カイシュウ</t>
    </rPh>
    <rPh sb="44" eb="46">
      <t>チク</t>
    </rPh>
    <rPh sb="47" eb="49">
      <t>シュタイ</t>
    </rPh>
    <rPh sb="53" eb="54">
      <t>オコナ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1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5" fillId="2" borderId="9" xfId="0" applyFont="1" applyFill="1" applyBorder="1" applyAlignment="1">
      <alignment horizontal="center" vertical="top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14" fillId="0" borderId="18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5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0" fillId="0" borderId="36" xfId="0" applyFont="1" applyBorder="1" applyAlignment="1">
      <alignment horizontal="left" vertical="center"/>
    </xf>
    <xf numFmtId="0" fontId="20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0" fillId="0" borderId="36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7" fontId="7" fillId="0" borderId="0" xfId="0" applyNumberFormat="1" applyFont="1" applyAlignment="1">
      <alignment horizont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8" fillId="0" borderId="6" xfId="0" applyFont="1" applyBorder="1" applyAlignment="1">
      <alignment horizontal="left" vertical="center" wrapText="1"/>
    </xf>
    <xf numFmtId="0" fontId="26" fillId="0" borderId="0" xfId="0" applyFont="1" applyAlignment="1">
      <alignment horizontal="center" vertical="center" wrapText="1"/>
    </xf>
    <xf numFmtId="0" fontId="26" fillId="0" borderId="0" xfId="0" applyFont="1" applyAlignment="1">
      <alignment horizontal="center" vertical="center"/>
    </xf>
    <xf numFmtId="0" fontId="23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6195</xdr:colOff>
      <xdr:row>34</xdr:row>
      <xdr:rowOff>75246</xdr:rowOff>
    </xdr:from>
    <xdr:to>
      <xdr:col>7</xdr:col>
      <xdr:colOff>135030</xdr:colOff>
      <xdr:row>35</xdr:row>
      <xdr:rowOff>150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5E0E0AA2-D215-4EF0-BA8E-2166F5F71BD0}"/>
            </a:ext>
          </a:extLst>
        </xdr:cNvPr>
        <xdr:cNvSpPr txBox="1">
          <a:spLocks noChangeArrowheads="1"/>
        </xdr:cNvSpPr>
      </xdr:nvSpPr>
      <xdr:spPr bwMode="auto">
        <a:xfrm>
          <a:off x="36195" y="9514521"/>
          <a:ext cx="4599398" cy="86829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38100</xdr:colOff>
      <xdr:row>64</xdr:row>
      <xdr:rowOff>152400</xdr:rowOff>
    </xdr:from>
    <xdr:to>
      <xdr:col>7</xdr:col>
      <xdr:colOff>131564</xdr:colOff>
      <xdr:row>65</xdr:row>
      <xdr:rowOff>-1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00049B3C-7C53-4F2A-8E80-C48383B00879}"/>
            </a:ext>
          </a:extLst>
        </xdr:cNvPr>
        <xdr:cNvSpPr txBox="1">
          <a:spLocks noChangeArrowheads="1"/>
        </xdr:cNvSpPr>
      </xdr:nvSpPr>
      <xdr:spPr bwMode="auto">
        <a:xfrm>
          <a:off x="38100" y="18230850"/>
          <a:ext cx="4594027" cy="9524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9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14A95A-F5A5-4F24-BD0F-F8A699A784A6}">
  <sheetPr codeName="Sheet5"/>
  <dimension ref="A1:AH110"/>
  <sheetViews>
    <sheetView showZeros="0" tabSelected="1" view="pageBreakPreview" zoomScale="50" zoomScaleNormal="75" zoomScaleSheetLayoutView="50" workbookViewId="0">
      <selection activeCell="AA5" sqref="AA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1" t="s">
        <v>58</v>
      </c>
      <c r="B1" s="122"/>
      <c r="C1" s="122"/>
      <c r="D1" s="123" t="s">
        <v>57</v>
      </c>
      <c r="E1" s="123"/>
      <c r="F1" s="123"/>
      <c r="G1" s="123"/>
      <c r="H1" s="123"/>
      <c r="I1" s="123"/>
      <c r="J1" s="123"/>
      <c r="K1" s="123"/>
      <c r="L1" s="123"/>
      <c r="M1" s="123"/>
      <c r="N1" s="123"/>
      <c r="O1" s="124" t="s">
        <v>0</v>
      </c>
      <c r="P1" s="124"/>
      <c r="Q1" s="124"/>
      <c r="R1" s="124"/>
      <c r="S1" s="124"/>
      <c r="T1" s="124"/>
      <c r="U1" s="124"/>
      <c r="V1" s="124"/>
      <c r="W1" s="104">
        <v>8</v>
      </c>
    </row>
    <row r="2" spans="1:33" ht="35.1" customHeight="1" x14ac:dyDescent="0.25">
      <c r="A2" s="102"/>
      <c r="B2" s="125" t="s">
        <v>56</v>
      </c>
      <c r="C2" s="126"/>
      <c r="D2" s="126"/>
      <c r="E2" s="116" t="s">
        <v>55</v>
      </c>
      <c r="F2" s="116"/>
      <c r="G2" s="127" t="s">
        <v>54</v>
      </c>
      <c r="H2" s="127"/>
      <c r="I2" s="127"/>
      <c r="J2" s="103" t="s">
        <v>37</v>
      </c>
      <c r="K2" s="102"/>
      <c r="L2" s="98" t="s">
        <v>53</v>
      </c>
      <c r="M2" s="101"/>
      <c r="N2" s="101"/>
      <c r="O2" s="116" t="s">
        <v>43</v>
      </c>
      <c r="P2" s="116"/>
      <c r="Q2" s="119" t="s">
        <v>52</v>
      </c>
      <c r="R2" s="119"/>
      <c r="S2" s="95" t="s">
        <v>38</v>
      </c>
      <c r="T2" s="99" t="s">
        <v>37</v>
      </c>
      <c r="U2" s="128" t="s">
        <v>51</v>
      </c>
      <c r="V2" s="129"/>
      <c r="W2" s="129"/>
      <c r="X2" s="129"/>
    </row>
    <row r="3" spans="1:33" s="90" customFormat="1" ht="35.1" customHeight="1" x14ac:dyDescent="0.25">
      <c r="A3" s="93"/>
      <c r="B3" s="117" t="s">
        <v>50</v>
      </c>
      <c r="C3" s="118"/>
      <c r="D3" s="118"/>
      <c r="E3" s="116" t="s">
        <v>43</v>
      </c>
      <c r="F3" s="116"/>
      <c r="G3" s="116" t="s">
        <v>49</v>
      </c>
      <c r="H3" s="116"/>
      <c r="I3" s="92" t="s">
        <v>48</v>
      </c>
      <c r="J3" s="94" t="s">
        <v>37</v>
      </c>
      <c r="K3" s="100"/>
      <c r="L3" s="125" t="s">
        <v>47</v>
      </c>
      <c r="M3" s="126"/>
      <c r="N3" s="126"/>
      <c r="O3" s="116" t="s">
        <v>46</v>
      </c>
      <c r="P3" s="116"/>
      <c r="Q3" s="130" t="s">
        <v>45</v>
      </c>
      <c r="R3" s="130"/>
      <c r="S3" s="95" t="s">
        <v>38</v>
      </c>
      <c r="T3" s="99" t="s">
        <v>37</v>
      </c>
      <c r="U3" s="128"/>
      <c r="V3" s="129"/>
      <c r="W3" s="129"/>
      <c r="X3" s="129"/>
    </row>
    <row r="4" spans="1:33" s="90" customFormat="1" ht="35.1" customHeight="1" x14ac:dyDescent="0.25">
      <c r="A4" s="93"/>
      <c r="B4" s="98" t="s">
        <v>44</v>
      </c>
      <c r="C4" s="97"/>
      <c r="D4" s="96"/>
      <c r="E4" s="116" t="s">
        <v>43</v>
      </c>
      <c r="F4" s="116"/>
      <c r="G4" s="116" t="s">
        <v>42</v>
      </c>
      <c r="H4" s="116"/>
      <c r="I4" s="95" t="s">
        <v>14</v>
      </c>
      <c r="J4" s="94" t="s">
        <v>37</v>
      </c>
      <c r="K4" s="93"/>
      <c r="L4" s="117" t="s">
        <v>41</v>
      </c>
      <c r="M4" s="118"/>
      <c r="N4" s="118"/>
      <c r="O4" s="116" t="s">
        <v>40</v>
      </c>
      <c r="P4" s="116"/>
      <c r="Q4" s="119" t="s">
        <v>39</v>
      </c>
      <c r="R4" s="119"/>
      <c r="S4" s="92" t="s">
        <v>38</v>
      </c>
      <c r="T4" s="91" t="s">
        <v>37</v>
      </c>
      <c r="U4" s="128"/>
      <c r="V4" s="129"/>
      <c r="W4" s="129"/>
      <c r="X4" s="129"/>
    </row>
    <row r="5" spans="1:33" ht="37.5" customHeight="1" thickBot="1" x14ac:dyDescent="0.3">
      <c r="A5" s="89"/>
      <c r="B5" s="120" t="s">
        <v>59</v>
      </c>
      <c r="C5" s="120"/>
      <c r="D5" s="120"/>
      <c r="E5" s="120"/>
      <c r="F5" s="120"/>
      <c r="G5" s="120"/>
      <c r="H5" s="120"/>
      <c r="I5" s="120"/>
      <c r="J5" s="120"/>
      <c r="K5" s="86" t="s">
        <v>36</v>
      </c>
      <c r="L5" s="85"/>
      <c r="M5" s="85"/>
      <c r="N5" s="85"/>
      <c r="O5" s="85"/>
      <c r="P5" s="85"/>
      <c r="Q5" s="85"/>
      <c r="R5" s="85"/>
      <c r="S5" s="85"/>
      <c r="T5" s="85"/>
      <c r="U5" s="85"/>
      <c r="V5" s="85"/>
      <c r="W5" s="85"/>
      <c r="X5" s="85"/>
      <c r="Y5" s="85"/>
      <c r="Z5" s="85"/>
      <c r="AA5" s="85"/>
      <c r="AB5" s="85"/>
      <c r="AC5" s="85"/>
      <c r="AD5" s="85"/>
      <c r="AE5" s="85"/>
      <c r="AF5" s="85"/>
      <c r="AG5" s="85"/>
    </row>
    <row r="6" spans="1:33" s="85" customFormat="1" ht="39.950000000000003" customHeight="1" thickBot="1" x14ac:dyDescent="0.3">
      <c r="A6" s="56" t="s">
        <v>35</v>
      </c>
      <c r="B6" s="88"/>
      <c r="C6" s="112" t="s">
        <v>34</v>
      </c>
      <c r="D6" s="113"/>
      <c r="E6" s="114"/>
      <c r="K6" s="112" t="s">
        <v>33</v>
      </c>
      <c r="L6" s="113"/>
      <c r="M6" s="114"/>
      <c r="S6" s="112" t="s">
        <v>32</v>
      </c>
      <c r="T6" s="113"/>
      <c r="U6" s="114"/>
      <c r="Y6" s="87"/>
      <c r="AA6" s="86"/>
    </row>
    <row r="7" spans="1:33" s="71" customFormat="1" ht="35.1" customHeight="1" x14ac:dyDescent="0.4">
      <c r="A7" s="83" t="s">
        <v>17</v>
      </c>
      <c r="B7" s="67" t="s">
        <v>16</v>
      </c>
      <c r="C7" s="84" t="s">
        <v>15</v>
      </c>
      <c r="D7" s="67" t="s">
        <v>14</v>
      </c>
      <c r="E7" s="67" t="s">
        <v>13</v>
      </c>
      <c r="F7" s="67" t="s">
        <v>31</v>
      </c>
      <c r="G7" s="82" t="s">
        <v>11</v>
      </c>
      <c r="I7" s="83" t="s">
        <v>17</v>
      </c>
      <c r="J7" s="67" t="s">
        <v>16</v>
      </c>
      <c r="K7" s="67" t="s">
        <v>15</v>
      </c>
      <c r="L7" s="67" t="s">
        <v>14</v>
      </c>
      <c r="M7" s="67" t="s">
        <v>13</v>
      </c>
      <c r="N7" s="67" t="s">
        <v>12</v>
      </c>
      <c r="O7" s="82" t="s">
        <v>11</v>
      </c>
      <c r="Q7" s="83" t="s">
        <v>17</v>
      </c>
      <c r="R7" s="67" t="s">
        <v>16</v>
      </c>
      <c r="S7" s="67" t="s">
        <v>15</v>
      </c>
      <c r="T7" s="67" t="s">
        <v>14</v>
      </c>
      <c r="U7" s="67" t="s">
        <v>13</v>
      </c>
      <c r="V7" s="67" t="s">
        <v>12</v>
      </c>
      <c r="W7" s="82" t="s">
        <v>11</v>
      </c>
      <c r="Y7" s="72"/>
    </row>
    <row r="8" spans="1:33" s="71" customFormat="1" ht="35.1" customHeight="1" x14ac:dyDescent="0.4">
      <c r="A8" s="81">
        <v>0</v>
      </c>
      <c r="B8" s="80">
        <v>0</v>
      </c>
      <c r="C8" s="71">
        <v>0</v>
      </c>
      <c r="D8" s="71">
        <v>1</v>
      </c>
      <c r="E8" s="75">
        <v>2</v>
      </c>
      <c r="F8" s="77">
        <v>3</v>
      </c>
      <c r="G8" s="79">
        <v>4</v>
      </c>
      <c r="I8" s="78">
        <v>0</v>
      </c>
      <c r="J8" s="71">
        <v>0</v>
      </c>
      <c r="K8" s="71">
        <v>0</v>
      </c>
      <c r="L8" s="71">
        <v>0</v>
      </c>
      <c r="M8" s="71">
        <v>0</v>
      </c>
      <c r="N8" s="77">
        <v>1</v>
      </c>
      <c r="O8" s="73">
        <v>2</v>
      </c>
      <c r="Q8" s="76">
        <v>0</v>
      </c>
      <c r="R8" s="75">
        <v>1</v>
      </c>
      <c r="S8" s="75">
        <v>2</v>
      </c>
      <c r="T8" s="71">
        <v>3</v>
      </c>
      <c r="U8" s="75">
        <v>4</v>
      </c>
      <c r="V8" s="74">
        <v>5</v>
      </c>
      <c r="W8" s="73">
        <v>6</v>
      </c>
      <c r="Y8" s="72"/>
    </row>
    <row r="9" spans="1:33" s="27" customFormat="1" ht="70.5" customHeight="1" x14ac:dyDescent="0.25">
      <c r="A9" s="32"/>
      <c r="B9" s="29"/>
      <c r="C9" s="29"/>
      <c r="D9" s="29"/>
      <c r="E9" s="30" t="s">
        <v>4</v>
      </c>
      <c r="F9" s="29"/>
      <c r="G9" s="36"/>
      <c r="I9" s="32"/>
      <c r="J9" s="29"/>
      <c r="K9" s="29"/>
      <c r="L9" s="29"/>
      <c r="M9" s="29"/>
      <c r="N9" s="37"/>
      <c r="O9" s="36"/>
      <c r="Q9" s="32"/>
      <c r="R9" s="30" t="s">
        <v>4</v>
      </c>
      <c r="S9" s="30" t="s">
        <v>10</v>
      </c>
      <c r="T9" s="29"/>
      <c r="U9" s="30" t="s">
        <v>4</v>
      </c>
      <c r="V9" s="37"/>
      <c r="W9" s="36"/>
    </row>
    <row r="10" spans="1:33" s="5" customFormat="1" ht="35.1" customHeight="1" x14ac:dyDescent="0.4">
      <c r="A10" s="47">
        <v>5</v>
      </c>
      <c r="B10" s="45">
        <v>6</v>
      </c>
      <c r="C10" s="60">
        <v>7</v>
      </c>
      <c r="D10" s="45">
        <v>8</v>
      </c>
      <c r="E10" s="45">
        <v>9</v>
      </c>
      <c r="F10" s="44">
        <v>10</v>
      </c>
      <c r="G10" s="33">
        <v>11</v>
      </c>
      <c r="I10" s="47">
        <v>3</v>
      </c>
      <c r="J10" s="70">
        <v>4</v>
      </c>
      <c r="K10" s="70">
        <v>5</v>
      </c>
      <c r="L10" s="70">
        <v>6</v>
      </c>
      <c r="M10" s="45">
        <v>7</v>
      </c>
      <c r="N10" s="44">
        <v>8</v>
      </c>
      <c r="O10" s="43">
        <v>9</v>
      </c>
      <c r="Q10" s="47">
        <v>7</v>
      </c>
      <c r="R10" s="45">
        <v>8</v>
      </c>
      <c r="S10" s="45">
        <v>9</v>
      </c>
      <c r="T10" s="45">
        <v>10</v>
      </c>
      <c r="U10" s="45">
        <v>11</v>
      </c>
      <c r="V10" s="44">
        <v>12</v>
      </c>
      <c r="W10" s="43">
        <v>13</v>
      </c>
      <c r="Y10" s="69"/>
    </row>
    <row r="11" spans="1:33" s="27" customFormat="1" ht="70.5" customHeight="1" x14ac:dyDescent="0.25">
      <c r="A11" s="31"/>
      <c r="B11" s="38" t="s">
        <v>4</v>
      </c>
      <c r="C11" s="38" t="s">
        <v>10</v>
      </c>
      <c r="D11" s="38" t="s">
        <v>5</v>
      </c>
      <c r="E11" s="38" t="s">
        <v>4</v>
      </c>
      <c r="F11" s="29"/>
      <c r="G11" s="36"/>
      <c r="I11" s="31"/>
      <c r="J11" s="42"/>
      <c r="K11" s="42"/>
      <c r="L11" s="42"/>
      <c r="M11" s="38" t="s">
        <v>4</v>
      </c>
      <c r="N11" s="29"/>
      <c r="O11" s="36"/>
      <c r="Q11" s="31"/>
      <c r="R11" s="38" t="s">
        <v>4</v>
      </c>
      <c r="S11" s="39" t="s">
        <v>6</v>
      </c>
      <c r="T11" s="38" t="s">
        <v>5</v>
      </c>
      <c r="U11" s="38" t="s">
        <v>4</v>
      </c>
      <c r="V11" s="42"/>
      <c r="W11" s="36"/>
    </row>
    <row r="12" spans="1:33" s="5" customFormat="1" ht="35.1" customHeight="1" x14ac:dyDescent="0.25">
      <c r="A12" s="47">
        <v>12</v>
      </c>
      <c r="B12" s="45">
        <v>13</v>
      </c>
      <c r="C12" s="60">
        <v>14</v>
      </c>
      <c r="D12" s="44">
        <v>15</v>
      </c>
      <c r="E12" s="45">
        <v>16</v>
      </c>
      <c r="F12" s="44">
        <v>17</v>
      </c>
      <c r="G12" s="33">
        <v>18</v>
      </c>
      <c r="I12" s="47">
        <v>10</v>
      </c>
      <c r="J12" s="45">
        <v>11</v>
      </c>
      <c r="K12" s="45">
        <v>12</v>
      </c>
      <c r="L12" s="45">
        <v>13</v>
      </c>
      <c r="M12" s="45">
        <v>14</v>
      </c>
      <c r="N12" s="44">
        <v>15</v>
      </c>
      <c r="O12" s="43">
        <v>16</v>
      </c>
      <c r="Q12" s="47">
        <v>14</v>
      </c>
      <c r="R12" s="45">
        <v>15</v>
      </c>
      <c r="S12" s="45">
        <v>16</v>
      </c>
      <c r="T12" s="44">
        <v>17</v>
      </c>
      <c r="U12" s="45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8" t="s">
        <v>4</v>
      </c>
      <c r="C13" s="39" t="s">
        <v>6</v>
      </c>
      <c r="D13" s="42"/>
      <c r="E13" s="38" t="s">
        <v>4</v>
      </c>
      <c r="F13" s="29"/>
      <c r="G13" s="36"/>
      <c r="I13" s="31"/>
      <c r="J13" s="38" t="s">
        <v>4</v>
      </c>
      <c r="K13" s="39" t="s">
        <v>30</v>
      </c>
      <c r="L13" s="38" t="s">
        <v>5</v>
      </c>
      <c r="M13" s="38" t="s">
        <v>4</v>
      </c>
      <c r="N13" s="29"/>
      <c r="O13" s="36"/>
      <c r="Q13" s="31"/>
      <c r="R13" s="38" t="s">
        <v>4</v>
      </c>
      <c r="S13" s="39" t="s">
        <v>9</v>
      </c>
      <c r="T13" s="42"/>
      <c r="U13" s="38" t="s">
        <v>4</v>
      </c>
      <c r="V13" s="29"/>
      <c r="W13" s="36"/>
    </row>
    <row r="14" spans="1:33" s="5" customFormat="1" ht="35.1" customHeight="1" x14ac:dyDescent="0.25">
      <c r="A14" s="47">
        <v>19</v>
      </c>
      <c r="B14" s="60">
        <v>20</v>
      </c>
      <c r="C14" s="60">
        <v>21</v>
      </c>
      <c r="D14" s="45">
        <v>22</v>
      </c>
      <c r="E14" s="45">
        <v>23</v>
      </c>
      <c r="F14" s="44">
        <v>24</v>
      </c>
      <c r="G14" s="33">
        <v>25</v>
      </c>
      <c r="I14" s="47">
        <v>17</v>
      </c>
      <c r="J14" s="45">
        <v>18</v>
      </c>
      <c r="K14" s="45">
        <v>19</v>
      </c>
      <c r="L14" s="44">
        <v>20</v>
      </c>
      <c r="M14" s="45">
        <v>21</v>
      </c>
      <c r="N14" s="44">
        <v>22</v>
      </c>
      <c r="O14" s="43">
        <v>23</v>
      </c>
      <c r="Q14" s="47">
        <v>21</v>
      </c>
      <c r="R14" s="45">
        <v>22</v>
      </c>
      <c r="S14" s="45">
        <v>23</v>
      </c>
      <c r="T14" s="45">
        <v>24</v>
      </c>
      <c r="U14" s="45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8" t="s">
        <v>4</v>
      </c>
      <c r="C15" s="39" t="s">
        <v>9</v>
      </c>
      <c r="D15" s="38" t="s">
        <v>5</v>
      </c>
      <c r="E15" s="38" t="s">
        <v>4</v>
      </c>
      <c r="F15" s="29"/>
      <c r="G15" s="36"/>
      <c r="I15" s="31"/>
      <c r="J15" s="38" t="s">
        <v>4</v>
      </c>
      <c r="K15" s="39" t="s">
        <v>9</v>
      </c>
      <c r="L15" s="42"/>
      <c r="M15" s="38" t="s">
        <v>4</v>
      </c>
      <c r="N15" s="37"/>
      <c r="O15" s="36"/>
      <c r="Q15" s="31"/>
      <c r="R15" s="38" t="s">
        <v>4</v>
      </c>
      <c r="S15" s="39" t="s">
        <v>6</v>
      </c>
      <c r="T15" s="38" t="s">
        <v>5</v>
      </c>
      <c r="U15" s="38" t="s">
        <v>4</v>
      </c>
      <c r="V15" s="37"/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68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34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38" t="s">
        <v>6</v>
      </c>
      <c r="D17" s="29"/>
      <c r="E17" s="30" t="s">
        <v>4</v>
      </c>
      <c r="F17" s="29"/>
      <c r="G17" s="28"/>
      <c r="I17" s="31"/>
      <c r="J17" s="30" t="s">
        <v>4</v>
      </c>
      <c r="K17" s="30" t="s">
        <v>6</v>
      </c>
      <c r="L17" s="30" t="s">
        <v>5</v>
      </c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15"/>
      <c r="AA20" s="115"/>
      <c r="AB20" s="115"/>
      <c r="AC20" s="115"/>
      <c r="AD20" s="115"/>
      <c r="AE20" s="115"/>
      <c r="AF20" s="115"/>
      <c r="AG20" s="115"/>
      <c r="AH20" s="115"/>
    </row>
    <row r="21" spans="1:34" s="53" customFormat="1" ht="39.950000000000003" customHeight="1" thickBot="1" x14ac:dyDescent="0.3">
      <c r="C21" s="109" t="s">
        <v>29</v>
      </c>
      <c r="D21" s="110"/>
      <c r="E21" s="111"/>
      <c r="G21" s="54"/>
      <c r="K21" s="106" t="s">
        <v>28</v>
      </c>
      <c r="L21" s="107"/>
      <c r="M21" s="108"/>
      <c r="O21" s="54"/>
      <c r="S21" s="106" t="s">
        <v>27</v>
      </c>
      <c r="T21" s="107"/>
      <c r="U21" s="108"/>
      <c r="W21" s="54"/>
    </row>
    <row r="22" spans="1:34" s="5" customFormat="1" ht="35.1" customHeight="1" x14ac:dyDescent="0.25">
      <c r="A22" s="52" t="s">
        <v>17</v>
      </c>
      <c r="B22" s="51" t="s">
        <v>16</v>
      </c>
      <c r="C22" s="51" t="s">
        <v>15</v>
      </c>
      <c r="D22" s="51" t="s">
        <v>14</v>
      </c>
      <c r="E22" s="51" t="s">
        <v>13</v>
      </c>
      <c r="F22" s="51" t="s">
        <v>12</v>
      </c>
      <c r="G22" s="50" t="s">
        <v>11</v>
      </c>
      <c r="I22" s="52" t="s">
        <v>17</v>
      </c>
      <c r="J22" s="67" t="s">
        <v>16</v>
      </c>
      <c r="K22" s="51" t="s">
        <v>15</v>
      </c>
      <c r="L22" s="51" t="s">
        <v>14</v>
      </c>
      <c r="M22" s="51" t="s">
        <v>13</v>
      </c>
      <c r="N22" s="51" t="s">
        <v>12</v>
      </c>
      <c r="O22" s="50" t="s">
        <v>11</v>
      </c>
      <c r="Q22" s="52" t="s">
        <v>17</v>
      </c>
      <c r="R22" s="51" t="s">
        <v>16</v>
      </c>
      <c r="S22" s="51" t="s">
        <v>15</v>
      </c>
      <c r="T22" s="51" t="s">
        <v>26</v>
      </c>
      <c r="U22" s="51" t="s">
        <v>13</v>
      </c>
      <c r="V22" s="51" t="s">
        <v>12</v>
      </c>
      <c r="W22" s="50" t="s">
        <v>11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23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48">
        <v>0</v>
      </c>
      <c r="O23" s="33">
        <v>1</v>
      </c>
      <c r="Q23" s="35">
        <v>0</v>
      </c>
      <c r="R23" s="23">
        <v>0</v>
      </c>
      <c r="S23" s="34">
        <v>1</v>
      </c>
      <c r="T23" s="23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4</v>
      </c>
      <c r="F24" s="29"/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10</v>
      </c>
      <c r="T24" s="29"/>
      <c r="U24" s="30" t="s">
        <v>4</v>
      </c>
      <c r="V24" s="37"/>
      <c r="W24" s="36"/>
    </row>
    <row r="25" spans="1:34" s="5" customFormat="1" ht="35.1" customHeight="1" x14ac:dyDescent="0.25">
      <c r="A25" s="47">
        <v>5</v>
      </c>
      <c r="B25" s="45">
        <v>6</v>
      </c>
      <c r="C25" s="45">
        <v>7</v>
      </c>
      <c r="D25" s="45">
        <v>8</v>
      </c>
      <c r="E25" s="45">
        <v>9</v>
      </c>
      <c r="F25" s="44">
        <v>10</v>
      </c>
      <c r="G25" s="43">
        <v>11</v>
      </c>
      <c r="I25" s="47">
        <v>2</v>
      </c>
      <c r="J25" s="45">
        <v>3</v>
      </c>
      <c r="K25" s="45">
        <v>4</v>
      </c>
      <c r="L25" s="44">
        <v>5</v>
      </c>
      <c r="M25" s="45">
        <v>6</v>
      </c>
      <c r="N25" s="44">
        <v>7</v>
      </c>
      <c r="O25" s="43">
        <v>8</v>
      </c>
      <c r="Q25" s="47">
        <v>6</v>
      </c>
      <c r="R25" s="45">
        <v>7</v>
      </c>
      <c r="S25" s="45">
        <v>8</v>
      </c>
      <c r="T25" s="61">
        <v>9</v>
      </c>
      <c r="U25" s="45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8" t="s">
        <v>4</v>
      </c>
      <c r="C26" s="38" t="s">
        <v>10</v>
      </c>
      <c r="D26" s="38" t="s">
        <v>5</v>
      </c>
      <c r="E26" s="38" t="s">
        <v>4</v>
      </c>
      <c r="F26" s="37"/>
      <c r="G26" s="36"/>
      <c r="I26" s="31"/>
      <c r="J26" s="38" t="s">
        <v>4</v>
      </c>
      <c r="K26" s="39" t="s">
        <v>10</v>
      </c>
      <c r="L26" s="42"/>
      <c r="M26" s="38" t="s">
        <v>4</v>
      </c>
      <c r="N26" s="37"/>
      <c r="O26" s="36"/>
      <c r="Q26" s="31"/>
      <c r="R26" s="38" t="s">
        <v>4</v>
      </c>
      <c r="S26" s="38" t="s">
        <v>6</v>
      </c>
      <c r="T26" s="38" t="s">
        <v>5</v>
      </c>
      <c r="U26" s="38" t="s">
        <v>4</v>
      </c>
      <c r="V26" s="29"/>
      <c r="W26" s="36"/>
    </row>
    <row r="27" spans="1:34" s="5" customFormat="1" ht="35.1" customHeight="1" x14ac:dyDescent="0.25">
      <c r="A27" s="47">
        <v>12</v>
      </c>
      <c r="B27" s="45">
        <v>13</v>
      </c>
      <c r="C27" s="45">
        <v>14</v>
      </c>
      <c r="D27" s="44">
        <v>15</v>
      </c>
      <c r="E27" s="45">
        <v>16</v>
      </c>
      <c r="F27" s="44">
        <v>17</v>
      </c>
      <c r="G27" s="43">
        <v>18</v>
      </c>
      <c r="I27" s="47">
        <v>9</v>
      </c>
      <c r="J27" s="45">
        <v>10</v>
      </c>
      <c r="K27" s="46">
        <v>11</v>
      </c>
      <c r="L27" s="45">
        <v>12</v>
      </c>
      <c r="M27" s="45">
        <v>13</v>
      </c>
      <c r="N27" s="44">
        <v>14</v>
      </c>
      <c r="O27" s="43">
        <v>15</v>
      </c>
      <c r="Q27" s="47">
        <v>13</v>
      </c>
      <c r="R27" s="45">
        <v>14</v>
      </c>
      <c r="S27" s="45">
        <v>15</v>
      </c>
      <c r="T27" s="44">
        <v>16</v>
      </c>
      <c r="U27" s="45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8" t="s">
        <v>4</v>
      </c>
      <c r="C28" s="39" t="s">
        <v>6</v>
      </c>
      <c r="D28" s="42"/>
      <c r="E28" s="38" t="s">
        <v>4</v>
      </c>
      <c r="F28" s="29"/>
      <c r="G28" s="36"/>
      <c r="I28" s="31"/>
      <c r="J28" s="38" t="s">
        <v>4</v>
      </c>
      <c r="K28" s="41" t="s">
        <v>8</v>
      </c>
      <c r="L28" s="38" t="s">
        <v>5</v>
      </c>
      <c r="M28" s="38" t="s">
        <v>4</v>
      </c>
      <c r="N28" s="29"/>
      <c r="O28" s="36"/>
      <c r="Q28" s="31"/>
      <c r="R28" s="38" t="s">
        <v>4</v>
      </c>
      <c r="S28" s="39" t="s">
        <v>9</v>
      </c>
      <c r="T28" s="42"/>
      <c r="U28" s="38" t="s">
        <v>4</v>
      </c>
      <c r="V28" s="37"/>
      <c r="W28" s="36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5">
        <v>22</v>
      </c>
      <c r="E29" s="45">
        <v>23</v>
      </c>
      <c r="F29" s="44">
        <v>24</v>
      </c>
      <c r="G29" s="43">
        <v>25</v>
      </c>
      <c r="I29" s="47">
        <v>16</v>
      </c>
      <c r="J29" s="45">
        <v>17</v>
      </c>
      <c r="K29" s="45">
        <v>18</v>
      </c>
      <c r="L29" s="44">
        <v>19</v>
      </c>
      <c r="M29" s="45">
        <v>20</v>
      </c>
      <c r="N29" s="44">
        <v>21</v>
      </c>
      <c r="O29" s="43">
        <v>22</v>
      </c>
      <c r="Q29" s="47">
        <v>20</v>
      </c>
      <c r="R29" s="46">
        <v>21</v>
      </c>
      <c r="S29" s="46">
        <v>22</v>
      </c>
      <c r="T29" s="46">
        <v>23</v>
      </c>
      <c r="U29" s="45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0" t="s">
        <v>7</v>
      </c>
      <c r="C30" s="39" t="s">
        <v>9</v>
      </c>
      <c r="D30" s="38" t="s">
        <v>5</v>
      </c>
      <c r="E30" s="38" t="s">
        <v>4</v>
      </c>
      <c r="F30" s="37"/>
      <c r="G30" s="36"/>
      <c r="I30" s="31"/>
      <c r="J30" s="38" t="s">
        <v>4</v>
      </c>
      <c r="K30" s="39" t="s">
        <v>9</v>
      </c>
      <c r="L30" s="42"/>
      <c r="M30" s="38" t="s">
        <v>4</v>
      </c>
      <c r="N30" s="37"/>
      <c r="O30" s="36"/>
      <c r="Q30" s="31"/>
      <c r="R30" s="40" t="s">
        <v>7</v>
      </c>
      <c r="S30" s="41" t="s">
        <v>8</v>
      </c>
      <c r="T30" s="40" t="s">
        <v>25</v>
      </c>
      <c r="U30" s="38" t="s">
        <v>4</v>
      </c>
      <c r="V30" s="29"/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34">
        <v>25</v>
      </c>
      <c r="L31" s="34">
        <v>26</v>
      </c>
      <c r="M31" s="34">
        <v>27</v>
      </c>
      <c r="N31" s="23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30" t="s">
        <v>6</v>
      </c>
      <c r="D32" s="29"/>
      <c r="E32" s="30" t="s">
        <v>4</v>
      </c>
      <c r="F32" s="29"/>
      <c r="G32" s="28"/>
      <c r="I32" s="31"/>
      <c r="J32" s="30" t="s">
        <v>4</v>
      </c>
      <c r="K32" s="30" t="s">
        <v>6</v>
      </c>
      <c r="L32" s="30" t="s">
        <v>5</v>
      </c>
      <c r="M32" s="30" t="s">
        <v>4</v>
      </c>
      <c r="N32" s="29"/>
      <c r="O32" s="28"/>
      <c r="Q32" s="31"/>
      <c r="R32" s="38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4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6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05" t="s">
        <v>0</v>
      </c>
      <c r="P35" s="105"/>
      <c r="Q35" s="105"/>
      <c r="R35" s="105"/>
      <c r="S35" s="105"/>
      <c r="T35" s="105"/>
      <c r="U35" s="105"/>
      <c r="V35" s="105"/>
      <c r="W35" s="8">
        <v>8</v>
      </c>
    </row>
    <row r="36" spans="1:23" s="53" customFormat="1" ht="39.950000000000003" customHeight="1" thickBot="1" x14ac:dyDescent="0.3">
      <c r="C36" s="106" t="s">
        <v>24</v>
      </c>
      <c r="D36" s="107"/>
      <c r="E36" s="108"/>
      <c r="G36" s="65"/>
      <c r="K36" s="106" t="s">
        <v>23</v>
      </c>
      <c r="L36" s="107"/>
      <c r="M36" s="108"/>
      <c r="O36" s="65"/>
      <c r="S36" s="106" t="s">
        <v>22</v>
      </c>
      <c r="T36" s="107"/>
      <c r="U36" s="108"/>
      <c r="W36" s="65"/>
    </row>
    <row r="37" spans="1:23" s="5" customFormat="1" ht="35.1" customHeight="1" x14ac:dyDescent="0.25">
      <c r="A37" s="52" t="s">
        <v>17</v>
      </c>
      <c r="B37" s="51" t="s">
        <v>16</v>
      </c>
      <c r="C37" s="51" t="s">
        <v>15</v>
      </c>
      <c r="D37" s="51" t="s">
        <v>14</v>
      </c>
      <c r="E37" s="51" t="s">
        <v>13</v>
      </c>
      <c r="F37" s="51" t="s">
        <v>12</v>
      </c>
      <c r="G37" s="50" t="s">
        <v>11</v>
      </c>
      <c r="I37" s="52" t="s">
        <v>17</v>
      </c>
      <c r="J37" s="51" t="s">
        <v>16</v>
      </c>
      <c r="K37" s="51" t="s">
        <v>15</v>
      </c>
      <c r="L37" s="51" t="s">
        <v>14</v>
      </c>
      <c r="M37" s="51" t="s">
        <v>13</v>
      </c>
      <c r="N37" s="51" t="s">
        <v>12</v>
      </c>
      <c r="O37" s="50" t="s">
        <v>11</v>
      </c>
      <c r="Q37" s="52" t="s">
        <v>17</v>
      </c>
      <c r="R37" s="51" t="s">
        <v>16</v>
      </c>
      <c r="S37" s="51" t="s">
        <v>15</v>
      </c>
      <c r="T37" s="51" t="s">
        <v>14</v>
      </c>
      <c r="U37" s="51" t="s">
        <v>13</v>
      </c>
      <c r="V37" s="51" t="s">
        <v>12</v>
      </c>
      <c r="W37" s="50" t="s">
        <v>11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23">
        <v>2</v>
      </c>
      <c r="G38" s="43">
        <v>3</v>
      </c>
      <c r="I38" s="35">
        <v>1</v>
      </c>
      <c r="J38" s="34">
        <v>2</v>
      </c>
      <c r="K38" s="64">
        <v>3</v>
      </c>
      <c r="L38" s="23">
        <v>4</v>
      </c>
      <c r="M38" s="34">
        <v>5</v>
      </c>
      <c r="N38" s="23">
        <v>6</v>
      </c>
      <c r="O38" s="43">
        <v>7</v>
      </c>
      <c r="Q38" s="35">
        <v>0</v>
      </c>
      <c r="R38" s="23">
        <v>0</v>
      </c>
      <c r="S38" s="34">
        <v>1</v>
      </c>
      <c r="T38" s="23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29"/>
      <c r="G39" s="36"/>
      <c r="I39" s="32"/>
      <c r="J39" s="30" t="s">
        <v>4</v>
      </c>
      <c r="K39" s="63" t="s">
        <v>10</v>
      </c>
      <c r="L39" s="29"/>
      <c r="M39" s="30" t="s">
        <v>4</v>
      </c>
      <c r="N39" s="29"/>
      <c r="O39" s="36"/>
      <c r="Q39" s="32"/>
      <c r="R39" s="29"/>
      <c r="S39" s="30" t="s">
        <v>10</v>
      </c>
      <c r="T39" s="29"/>
      <c r="U39" s="30" t="s">
        <v>4</v>
      </c>
      <c r="V39" s="37"/>
      <c r="W39" s="36"/>
    </row>
    <row r="40" spans="1:23" s="5" customFormat="1" ht="35.1" customHeight="1" x14ac:dyDescent="0.25">
      <c r="A40" s="47">
        <v>4</v>
      </c>
      <c r="B40" s="45">
        <v>5</v>
      </c>
      <c r="C40" s="45">
        <v>6</v>
      </c>
      <c r="D40" s="44">
        <v>7</v>
      </c>
      <c r="E40" s="60">
        <v>8</v>
      </c>
      <c r="F40" s="62">
        <v>9</v>
      </c>
      <c r="G40" s="43">
        <v>10</v>
      </c>
      <c r="I40" s="47">
        <v>8</v>
      </c>
      <c r="J40" s="45">
        <v>9</v>
      </c>
      <c r="K40" s="45">
        <v>10</v>
      </c>
      <c r="L40" s="45">
        <v>11</v>
      </c>
      <c r="M40" s="45">
        <v>12</v>
      </c>
      <c r="N40" s="44">
        <v>13</v>
      </c>
      <c r="O40" s="43">
        <v>14</v>
      </c>
      <c r="Q40" s="47">
        <v>6</v>
      </c>
      <c r="R40" s="45">
        <v>7</v>
      </c>
      <c r="S40" s="45">
        <v>8</v>
      </c>
      <c r="T40" s="61">
        <v>9</v>
      </c>
      <c r="U40" s="45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8" t="s">
        <v>4</v>
      </c>
      <c r="C41" s="38" t="s">
        <v>10</v>
      </c>
      <c r="D41" s="42"/>
      <c r="E41" s="38" t="s">
        <v>4</v>
      </c>
      <c r="F41" s="37"/>
      <c r="G41" s="36"/>
      <c r="I41" s="31"/>
      <c r="J41" s="38" t="s">
        <v>4</v>
      </c>
      <c r="K41" s="39" t="s">
        <v>6</v>
      </c>
      <c r="L41" s="38" t="s">
        <v>5</v>
      </c>
      <c r="M41" s="38" t="s">
        <v>4</v>
      </c>
      <c r="N41" s="37"/>
      <c r="O41" s="36"/>
      <c r="Q41" s="31"/>
      <c r="R41" s="38" t="s">
        <v>4</v>
      </c>
      <c r="S41" s="38" t="s">
        <v>6</v>
      </c>
      <c r="T41" s="38" t="s">
        <v>5</v>
      </c>
      <c r="U41" s="38" t="s">
        <v>4</v>
      </c>
      <c r="V41" s="29"/>
      <c r="W41" s="36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5">
        <v>14</v>
      </c>
      <c r="E42" s="60">
        <v>15</v>
      </c>
      <c r="F42" s="44">
        <v>16</v>
      </c>
      <c r="G42" s="43">
        <v>17</v>
      </c>
      <c r="I42" s="47">
        <v>15</v>
      </c>
      <c r="J42" s="45">
        <v>16</v>
      </c>
      <c r="K42" s="61">
        <v>17</v>
      </c>
      <c r="L42" s="44">
        <v>18</v>
      </c>
      <c r="M42" s="45">
        <v>19</v>
      </c>
      <c r="N42" s="44">
        <v>20</v>
      </c>
      <c r="O42" s="43">
        <v>21</v>
      </c>
      <c r="Q42" s="47">
        <v>13</v>
      </c>
      <c r="R42" s="45">
        <v>14</v>
      </c>
      <c r="S42" s="45">
        <v>15</v>
      </c>
      <c r="T42" s="44">
        <v>16</v>
      </c>
      <c r="U42" s="45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0" t="s">
        <v>7</v>
      </c>
      <c r="C43" s="39" t="s">
        <v>6</v>
      </c>
      <c r="D43" s="38" t="s">
        <v>5</v>
      </c>
      <c r="E43" s="38" t="s">
        <v>4</v>
      </c>
      <c r="F43" s="29"/>
      <c r="G43" s="36"/>
      <c r="I43" s="31"/>
      <c r="J43" s="38" t="s">
        <v>4</v>
      </c>
      <c r="K43" s="39" t="s">
        <v>9</v>
      </c>
      <c r="L43" s="42"/>
      <c r="M43" s="38" t="s">
        <v>4</v>
      </c>
      <c r="N43" s="29"/>
      <c r="O43" s="36"/>
      <c r="Q43" s="31"/>
      <c r="R43" s="38" t="s">
        <v>4</v>
      </c>
      <c r="S43" s="39" t="s">
        <v>9</v>
      </c>
      <c r="T43" s="42"/>
      <c r="U43" s="38" t="s">
        <v>4</v>
      </c>
      <c r="V43" s="37"/>
      <c r="W43" s="36"/>
    </row>
    <row r="44" spans="1:23" s="5" customFormat="1" ht="35.1" customHeight="1" x14ac:dyDescent="0.25">
      <c r="A44" s="47">
        <v>18</v>
      </c>
      <c r="B44" s="45">
        <v>19</v>
      </c>
      <c r="C44" s="45">
        <v>20</v>
      </c>
      <c r="D44" s="44">
        <v>21</v>
      </c>
      <c r="E44" s="60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5">
        <v>25</v>
      </c>
      <c r="M44" s="45">
        <v>26</v>
      </c>
      <c r="N44" s="44">
        <v>27</v>
      </c>
      <c r="O44" s="43">
        <v>28</v>
      </c>
      <c r="Q44" s="47">
        <v>20</v>
      </c>
      <c r="R44" s="45">
        <v>21</v>
      </c>
      <c r="S44" s="45">
        <v>22</v>
      </c>
      <c r="T44" s="45">
        <v>23</v>
      </c>
      <c r="U44" s="45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8" t="s">
        <v>4</v>
      </c>
      <c r="C45" s="39" t="s">
        <v>9</v>
      </c>
      <c r="D45" s="42"/>
      <c r="E45" s="38" t="s">
        <v>4</v>
      </c>
      <c r="F45" s="37"/>
      <c r="G45" s="36"/>
      <c r="I45" s="31"/>
      <c r="J45" s="40" t="s">
        <v>7</v>
      </c>
      <c r="K45" s="38" t="s">
        <v>6</v>
      </c>
      <c r="L45" s="38" t="s">
        <v>5</v>
      </c>
      <c r="M45" s="38" t="s">
        <v>4</v>
      </c>
      <c r="N45" s="37"/>
      <c r="O45" s="36"/>
      <c r="Q45" s="31"/>
      <c r="R45" s="38" t="s">
        <v>4</v>
      </c>
      <c r="S45" s="39" t="s">
        <v>6</v>
      </c>
      <c r="T45" s="38" t="s">
        <v>5</v>
      </c>
      <c r="U45" s="38" t="s">
        <v>4</v>
      </c>
      <c r="V45" s="29"/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34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30" t="s">
        <v>6</v>
      </c>
      <c r="D47" s="30" t="s">
        <v>5</v>
      </c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1</v>
      </c>
      <c r="B51" s="55"/>
      <c r="C51" s="109" t="s">
        <v>20</v>
      </c>
      <c r="D51" s="110"/>
      <c r="E51" s="111"/>
      <c r="G51" s="54"/>
      <c r="K51" s="109" t="s">
        <v>19</v>
      </c>
      <c r="L51" s="110"/>
      <c r="M51" s="111"/>
      <c r="O51" s="54"/>
      <c r="S51" s="106" t="s">
        <v>18</v>
      </c>
      <c r="T51" s="107"/>
      <c r="U51" s="108"/>
      <c r="W51" s="54"/>
    </row>
    <row r="52" spans="1:23" s="5" customFormat="1" ht="35.1" customHeight="1" x14ac:dyDescent="0.25">
      <c r="A52" s="52" t="s">
        <v>17</v>
      </c>
      <c r="B52" s="51" t="s">
        <v>16</v>
      </c>
      <c r="C52" s="51" t="s">
        <v>15</v>
      </c>
      <c r="D52" s="51" t="s">
        <v>14</v>
      </c>
      <c r="E52" s="51" t="s">
        <v>13</v>
      </c>
      <c r="F52" s="51" t="s">
        <v>12</v>
      </c>
      <c r="G52" s="50" t="s">
        <v>11</v>
      </c>
      <c r="I52" s="52" t="s">
        <v>17</v>
      </c>
      <c r="J52" s="51" t="s">
        <v>16</v>
      </c>
      <c r="K52" s="51" t="s">
        <v>15</v>
      </c>
      <c r="L52" s="51" t="s">
        <v>14</v>
      </c>
      <c r="M52" s="51" t="s">
        <v>13</v>
      </c>
      <c r="N52" s="51" t="s">
        <v>12</v>
      </c>
      <c r="O52" s="50" t="s">
        <v>11</v>
      </c>
      <c r="Q52" s="52" t="s">
        <v>17</v>
      </c>
      <c r="R52" s="51" t="s">
        <v>16</v>
      </c>
      <c r="S52" s="51" t="s">
        <v>15</v>
      </c>
      <c r="T52" s="51" t="s">
        <v>14</v>
      </c>
      <c r="U52" s="51" t="s">
        <v>13</v>
      </c>
      <c r="V52" s="51" t="s">
        <v>12</v>
      </c>
      <c r="W52" s="50" t="s">
        <v>11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34">
        <v>1</v>
      </c>
      <c r="K53" s="34">
        <v>2</v>
      </c>
      <c r="L53" s="23">
        <v>3</v>
      </c>
      <c r="M53" s="34">
        <v>4</v>
      </c>
      <c r="N53" s="23">
        <v>5</v>
      </c>
      <c r="O53" s="43">
        <v>6</v>
      </c>
      <c r="Q53" s="35">
        <v>0</v>
      </c>
      <c r="R53" s="34">
        <v>1</v>
      </c>
      <c r="S53" s="34">
        <v>2</v>
      </c>
      <c r="T53" s="23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4</v>
      </c>
      <c r="K54" s="30" t="s">
        <v>10</v>
      </c>
      <c r="L54" s="29"/>
      <c r="M54" s="30" t="s">
        <v>4</v>
      </c>
      <c r="N54" s="29"/>
      <c r="O54" s="36"/>
      <c r="Q54" s="32"/>
      <c r="R54" s="30" t="s">
        <v>4</v>
      </c>
      <c r="S54" s="30" t="s">
        <v>10</v>
      </c>
      <c r="T54" s="29"/>
      <c r="U54" s="30" t="s">
        <v>4</v>
      </c>
      <c r="V54" s="29"/>
      <c r="W54" s="36"/>
    </row>
    <row r="55" spans="1:23" s="5" customFormat="1" ht="35.1" customHeight="1" x14ac:dyDescent="0.25">
      <c r="A55" s="47">
        <v>3</v>
      </c>
      <c r="B55" s="45">
        <v>4</v>
      </c>
      <c r="C55" s="45">
        <v>5</v>
      </c>
      <c r="D55" s="44">
        <v>6</v>
      </c>
      <c r="E55" s="45">
        <v>7</v>
      </c>
      <c r="F55" s="44">
        <v>8</v>
      </c>
      <c r="G55" s="43">
        <v>9</v>
      </c>
      <c r="I55" s="47">
        <v>7</v>
      </c>
      <c r="J55" s="45">
        <v>8</v>
      </c>
      <c r="K55" s="45">
        <v>9</v>
      </c>
      <c r="L55" s="45">
        <v>10</v>
      </c>
      <c r="M55" s="46">
        <v>11</v>
      </c>
      <c r="N55" s="44">
        <v>12</v>
      </c>
      <c r="O55" s="43">
        <v>13</v>
      </c>
      <c r="Q55" s="47">
        <v>7</v>
      </c>
      <c r="R55" s="45">
        <v>8</v>
      </c>
      <c r="S55" s="45">
        <v>9</v>
      </c>
      <c r="T55" s="45">
        <v>10</v>
      </c>
      <c r="U55" s="45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8" t="s">
        <v>4</v>
      </c>
      <c r="C56" s="39" t="s">
        <v>10</v>
      </c>
      <c r="D56" s="42"/>
      <c r="E56" s="38" t="s">
        <v>4</v>
      </c>
      <c r="F56" s="42"/>
      <c r="G56" s="36"/>
      <c r="I56" s="31"/>
      <c r="J56" s="38" t="s">
        <v>4</v>
      </c>
      <c r="K56" s="39" t="s">
        <v>6</v>
      </c>
      <c r="L56" s="38" t="s">
        <v>5</v>
      </c>
      <c r="M56" s="40" t="s">
        <v>7</v>
      </c>
      <c r="N56" s="42"/>
      <c r="O56" s="36"/>
      <c r="Q56" s="31"/>
      <c r="R56" s="38" t="s">
        <v>4</v>
      </c>
      <c r="S56" s="39" t="s">
        <v>6</v>
      </c>
      <c r="T56" s="38" t="s">
        <v>5</v>
      </c>
      <c r="U56" s="38" t="s">
        <v>4</v>
      </c>
      <c r="V56" s="37"/>
      <c r="W56" s="36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5">
        <v>13</v>
      </c>
      <c r="E57" s="45">
        <v>14</v>
      </c>
      <c r="F57" s="44">
        <v>15</v>
      </c>
      <c r="G57" s="43">
        <v>16</v>
      </c>
      <c r="I57" s="47">
        <v>14</v>
      </c>
      <c r="J57" s="45">
        <v>15</v>
      </c>
      <c r="K57" s="45">
        <v>16</v>
      </c>
      <c r="L57" s="44">
        <v>17</v>
      </c>
      <c r="M57" s="45">
        <v>18</v>
      </c>
      <c r="N57" s="44">
        <v>19</v>
      </c>
      <c r="O57" s="43">
        <v>20</v>
      </c>
      <c r="Q57" s="47">
        <v>14</v>
      </c>
      <c r="R57" s="45">
        <v>15</v>
      </c>
      <c r="S57" s="45">
        <v>16</v>
      </c>
      <c r="T57" s="44">
        <v>17</v>
      </c>
      <c r="U57" s="45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0" t="s">
        <v>7</v>
      </c>
      <c r="C58" s="39" t="s">
        <v>6</v>
      </c>
      <c r="D58" s="38" t="s">
        <v>5</v>
      </c>
      <c r="E58" s="38" t="s">
        <v>4</v>
      </c>
      <c r="F58" s="29"/>
      <c r="G58" s="36"/>
      <c r="I58" s="31"/>
      <c r="J58" s="38" t="s">
        <v>4</v>
      </c>
      <c r="K58" s="39" t="s">
        <v>9</v>
      </c>
      <c r="L58" s="42"/>
      <c r="M58" s="38" t="s">
        <v>4</v>
      </c>
      <c r="N58" s="29"/>
      <c r="O58" s="36"/>
      <c r="Q58" s="31"/>
      <c r="R58" s="38" t="s">
        <v>4</v>
      </c>
      <c r="S58" s="39" t="s">
        <v>9</v>
      </c>
      <c r="T58" s="42"/>
      <c r="U58" s="38" t="s">
        <v>4</v>
      </c>
      <c r="V58" s="29"/>
      <c r="W58" s="36"/>
    </row>
    <row r="59" spans="1:23" s="5" customFormat="1" ht="35.1" customHeight="1" x14ac:dyDescent="0.25">
      <c r="A59" s="47">
        <v>17</v>
      </c>
      <c r="B59" s="45">
        <v>18</v>
      </c>
      <c r="C59" s="45">
        <v>19</v>
      </c>
      <c r="D59" s="44">
        <v>20</v>
      </c>
      <c r="E59" s="45">
        <v>21</v>
      </c>
      <c r="F59" s="44">
        <v>22</v>
      </c>
      <c r="G59" s="43">
        <v>23</v>
      </c>
      <c r="I59" s="47">
        <v>21</v>
      </c>
      <c r="J59" s="45">
        <v>22</v>
      </c>
      <c r="K59" s="46">
        <v>23</v>
      </c>
      <c r="L59" s="45">
        <v>24</v>
      </c>
      <c r="M59" s="45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5">
        <v>24</v>
      </c>
      <c r="U59" s="45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8" t="s">
        <v>4</v>
      </c>
      <c r="C60" s="39" t="s">
        <v>9</v>
      </c>
      <c r="D60" s="42"/>
      <c r="E60" s="38" t="s">
        <v>4</v>
      </c>
      <c r="F60" s="29"/>
      <c r="G60" s="36"/>
      <c r="I60" s="31"/>
      <c r="J60" s="38" t="s">
        <v>4</v>
      </c>
      <c r="K60" s="41" t="s">
        <v>8</v>
      </c>
      <c r="L60" s="38" t="s">
        <v>5</v>
      </c>
      <c r="M60" s="38" t="s">
        <v>4</v>
      </c>
      <c r="N60" s="37"/>
      <c r="O60" s="36"/>
      <c r="Q60" s="31"/>
      <c r="R60" s="40" t="s">
        <v>7</v>
      </c>
      <c r="S60" s="39" t="s">
        <v>6</v>
      </c>
      <c r="T60" s="38" t="s">
        <v>5</v>
      </c>
      <c r="U60" s="38" t="s">
        <v>4</v>
      </c>
      <c r="V60" s="37"/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34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30" t="s">
        <v>6</v>
      </c>
      <c r="D62" s="30" t="s">
        <v>5</v>
      </c>
      <c r="E62" s="30" t="s">
        <v>4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05" t="s">
        <v>0</v>
      </c>
      <c r="P65" s="105"/>
      <c r="Q65" s="105"/>
      <c r="R65" s="105"/>
      <c r="S65" s="105"/>
      <c r="T65" s="105"/>
      <c r="U65" s="105"/>
      <c r="V65" s="105"/>
      <c r="W65" s="8">
        <v>8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6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G4:H4"/>
    <mergeCell ref="L4:N4"/>
    <mergeCell ref="O4:P4"/>
    <mergeCell ref="Q4:R4"/>
    <mergeCell ref="B5:J5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8</vt:lpstr>
      <vt:lpstr>'8'!Print_Area</vt:lpstr>
      <vt:lpstr>'8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29:43Z</cp:lastPrinted>
  <dcterms:created xsi:type="dcterms:W3CDTF">2025-12-02T02:41:39Z</dcterms:created>
  <dcterms:modified xsi:type="dcterms:W3CDTF">2025-12-02T07:29:48Z</dcterms:modified>
</cp:coreProperties>
</file>